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2月(3月1日現在)\"/>
    </mc:Choice>
  </mc:AlternateContent>
  <xr:revisionPtr revIDLastSave="0" documentId="13_ncr:1_{B5522DC1-A8F1-4D98-A3D1-635BACE1C8DB}" xr6:coauthVersionLast="36" xr6:coauthVersionMax="43" xr10:uidLastSave="{00000000-0000-0000-0000-000000000000}"/>
  <bookViews>
    <workbookView xWindow="8730" yWindow="0" windowWidth="14310" windowHeight="1236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4年 2月28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="80" zoomScaleNormal="8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87</v>
      </c>
      <c r="C7" s="9">
        <v>5</v>
      </c>
      <c r="D7" s="14">
        <v>5</v>
      </c>
      <c r="E7" s="10">
        <v>1097</v>
      </c>
      <c r="F7" s="8">
        <v>1160</v>
      </c>
      <c r="G7" s="9">
        <v>1221</v>
      </c>
      <c r="H7" s="10">
        <v>2381</v>
      </c>
      <c r="I7" s="8">
        <v>6</v>
      </c>
      <c r="J7" s="9">
        <v>6</v>
      </c>
      <c r="K7" s="10">
        <v>12</v>
      </c>
      <c r="L7" s="8">
        <v>1166</v>
      </c>
      <c r="M7" s="9">
        <v>1227</v>
      </c>
      <c r="N7" s="10">
        <v>2393</v>
      </c>
    </row>
    <row r="8" spans="1:14" ht="18" customHeight="1" x14ac:dyDescent="0.4">
      <c r="A8" s="2" t="s">
        <v>1</v>
      </c>
      <c r="B8" s="8">
        <v>480</v>
      </c>
      <c r="C8" s="9">
        <v>8</v>
      </c>
      <c r="D8" s="14">
        <v>6</v>
      </c>
      <c r="E8" s="10">
        <v>494</v>
      </c>
      <c r="F8" s="8">
        <v>423</v>
      </c>
      <c r="G8" s="9">
        <v>381</v>
      </c>
      <c r="H8" s="10">
        <v>804</v>
      </c>
      <c r="I8" s="8">
        <v>16</v>
      </c>
      <c r="J8" s="9">
        <v>0</v>
      </c>
      <c r="K8" s="10">
        <v>16</v>
      </c>
      <c r="L8" s="8">
        <v>439</v>
      </c>
      <c r="M8" s="9">
        <v>381</v>
      </c>
      <c r="N8" s="10">
        <v>820</v>
      </c>
    </row>
    <row r="9" spans="1:14" ht="18" customHeight="1" x14ac:dyDescent="0.4">
      <c r="A9" s="2" t="s">
        <v>2</v>
      </c>
      <c r="B9" s="8">
        <v>2282</v>
      </c>
      <c r="C9" s="9">
        <v>12</v>
      </c>
      <c r="D9" s="14">
        <v>11</v>
      </c>
      <c r="E9" s="10">
        <v>2305</v>
      </c>
      <c r="F9" s="8">
        <v>2159</v>
      </c>
      <c r="G9" s="9">
        <v>2171</v>
      </c>
      <c r="H9" s="10">
        <v>4330</v>
      </c>
      <c r="I9" s="8">
        <v>15</v>
      </c>
      <c r="J9" s="9">
        <v>13</v>
      </c>
      <c r="K9" s="10">
        <v>28</v>
      </c>
      <c r="L9" s="8">
        <v>2174</v>
      </c>
      <c r="M9" s="9">
        <v>2184</v>
      </c>
      <c r="N9" s="10">
        <v>4358</v>
      </c>
    </row>
    <row r="10" spans="1:14" ht="18" customHeight="1" x14ac:dyDescent="0.4">
      <c r="A10" s="2" t="s">
        <v>3</v>
      </c>
      <c r="B10" s="8">
        <v>2325</v>
      </c>
      <c r="C10" s="9">
        <v>17</v>
      </c>
      <c r="D10" s="14">
        <v>28</v>
      </c>
      <c r="E10" s="10">
        <v>2370</v>
      </c>
      <c r="F10" s="8">
        <v>2293</v>
      </c>
      <c r="G10" s="9">
        <v>2475</v>
      </c>
      <c r="H10" s="10">
        <v>4768</v>
      </c>
      <c r="I10" s="8">
        <v>32</v>
      </c>
      <c r="J10" s="9">
        <v>29</v>
      </c>
      <c r="K10" s="10">
        <v>61</v>
      </c>
      <c r="L10" s="8">
        <v>2325</v>
      </c>
      <c r="M10" s="9">
        <v>2504</v>
      </c>
      <c r="N10" s="10">
        <v>4829</v>
      </c>
    </row>
    <row r="11" spans="1:14" ht="18" customHeight="1" x14ac:dyDescent="0.4">
      <c r="A11" s="2" t="s">
        <v>4</v>
      </c>
      <c r="B11" s="8">
        <v>1061</v>
      </c>
      <c r="C11" s="9">
        <v>2</v>
      </c>
      <c r="D11" s="14">
        <v>4</v>
      </c>
      <c r="E11" s="10">
        <v>1067</v>
      </c>
      <c r="F11" s="8">
        <v>911</v>
      </c>
      <c r="G11" s="9">
        <v>1062</v>
      </c>
      <c r="H11" s="10">
        <v>1973</v>
      </c>
      <c r="I11" s="8">
        <v>5</v>
      </c>
      <c r="J11" s="9">
        <v>4</v>
      </c>
      <c r="K11" s="10">
        <v>9</v>
      </c>
      <c r="L11" s="8">
        <v>916</v>
      </c>
      <c r="M11" s="9">
        <v>1066</v>
      </c>
      <c r="N11" s="10">
        <v>1982</v>
      </c>
    </row>
    <row r="12" spans="1:14" ht="18" customHeight="1" x14ac:dyDescent="0.4">
      <c r="A12" s="2" t="s">
        <v>5</v>
      </c>
      <c r="B12" s="8">
        <v>734</v>
      </c>
      <c r="C12" s="9">
        <v>7</v>
      </c>
      <c r="D12" s="14">
        <v>4</v>
      </c>
      <c r="E12" s="10">
        <v>745</v>
      </c>
      <c r="F12" s="8">
        <v>683</v>
      </c>
      <c r="G12" s="9">
        <v>726</v>
      </c>
      <c r="H12" s="10">
        <v>1409</v>
      </c>
      <c r="I12" s="8">
        <v>14</v>
      </c>
      <c r="J12" s="9">
        <v>9</v>
      </c>
      <c r="K12" s="10">
        <v>23</v>
      </c>
      <c r="L12" s="8">
        <v>697</v>
      </c>
      <c r="M12" s="9">
        <v>735</v>
      </c>
      <c r="N12" s="10">
        <v>1432</v>
      </c>
    </row>
    <row r="13" spans="1:14" ht="18" customHeight="1" x14ac:dyDescent="0.4">
      <c r="A13" s="2" t="s">
        <v>6</v>
      </c>
      <c r="B13" s="8">
        <v>666</v>
      </c>
      <c r="C13" s="9">
        <v>4</v>
      </c>
      <c r="D13" s="14">
        <v>4</v>
      </c>
      <c r="E13" s="10">
        <v>674</v>
      </c>
      <c r="F13" s="8">
        <v>713</v>
      </c>
      <c r="G13" s="9">
        <v>672</v>
      </c>
      <c r="H13" s="10">
        <v>1385</v>
      </c>
      <c r="I13" s="8">
        <v>8</v>
      </c>
      <c r="J13" s="9">
        <v>4</v>
      </c>
      <c r="K13" s="10">
        <v>12</v>
      </c>
      <c r="L13" s="8">
        <v>721</v>
      </c>
      <c r="M13" s="9">
        <v>676</v>
      </c>
      <c r="N13" s="10">
        <v>1397</v>
      </c>
    </row>
    <row r="14" spans="1:14" ht="18" customHeight="1" x14ac:dyDescent="0.4">
      <c r="A14" s="2" t="s">
        <v>7</v>
      </c>
      <c r="B14" s="8">
        <v>337</v>
      </c>
      <c r="C14" s="9">
        <v>9</v>
      </c>
      <c r="D14" s="14">
        <v>3</v>
      </c>
      <c r="E14" s="10">
        <v>349</v>
      </c>
      <c r="F14" s="8">
        <v>348</v>
      </c>
      <c r="G14" s="9">
        <v>416</v>
      </c>
      <c r="H14" s="10">
        <v>764</v>
      </c>
      <c r="I14" s="8">
        <v>9</v>
      </c>
      <c r="J14" s="9">
        <v>6</v>
      </c>
      <c r="K14" s="10">
        <v>15</v>
      </c>
      <c r="L14" s="8">
        <v>357</v>
      </c>
      <c r="M14" s="9">
        <v>422</v>
      </c>
      <c r="N14" s="10">
        <v>779</v>
      </c>
    </row>
    <row r="15" spans="1:14" ht="18" customHeight="1" x14ac:dyDescent="0.4">
      <c r="A15" s="2" t="s">
        <v>8</v>
      </c>
      <c r="B15" s="8">
        <v>1478</v>
      </c>
      <c r="C15" s="9">
        <v>54</v>
      </c>
      <c r="D15" s="14">
        <v>16</v>
      </c>
      <c r="E15" s="10">
        <v>1548</v>
      </c>
      <c r="F15" s="8">
        <v>1225</v>
      </c>
      <c r="G15" s="9">
        <v>1215</v>
      </c>
      <c r="H15" s="10">
        <v>2440</v>
      </c>
      <c r="I15" s="8">
        <v>51</v>
      </c>
      <c r="J15" s="9">
        <v>41</v>
      </c>
      <c r="K15" s="10">
        <v>92</v>
      </c>
      <c r="L15" s="8">
        <v>1276</v>
      </c>
      <c r="M15" s="9">
        <v>1256</v>
      </c>
      <c r="N15" s="10">
        <v>2532</v>
      </c>
    </row>
    <row r="16" spans="1:14" ht="18" customHeight="1" x14ac:dyDescent="0.4">
      <c r="A16" s="2" t="s">
        <v>9</v>
      </c>
      <c r="B16" s="8">
        <v>3204</v>
      </c>
      <c r="C16" s="9">
        <v>56</v>
      </c>
      <c r="D16" s="14">
        <v>31</v>
      </c>
      <c r="E16" s="10">
        <v>3291</v>
      </c>
      <c r="F16" s="8">
        <v>3053</v>
      </c>
      <c r="G16" s="9">
        <v>3439</v>
      </c>
      <c r="H16" s="10">
        <v>6492</v>
      </c>
      <c r="I16" s="8">
        <v>57</v>
      </c>
      <c r="J16" s="9">
        <v>65</v>
      </c>
      <c r="K16" s="10">
        <v>122</v>
      </c>
      <c r="L16" s="8">
        <v>3110</v>
      </c>
      <c r="M16" s="9">
        <v>3504</v>
      </c>
      <c r="N16" s="10">
        <v>6614</v>
      </c>
    </row>
    <row r="17" spans="1:14" ht="18" customHeight="1" x14ac:dyDescent="0.4">
      <c r="A17" s="2" t="s">
        <v>10</v>
      </c>
      <c r="B17" s="8">
        <v>1857</v>
      </c>
      <c r="C17" s="9">
        <v>38</v>
      </c>
      <c r="D17" s="14">
        <v>16</v>
      </c>
      <c r="E17" s="10">
        <v>1911</v>
      </c>
      <c r="F17" s="8">
        <v>1775</v>
      </c>
      <c r="G17" s="9">
        <v>1865</v>
      </c>
      <c r="H17" s="10">
        <v>3640</v>
      </c>
      <c r="I17" s="8">
        <v>41</v>
      </c>
      <c r="J17" s="9">
        <v>27</v>
      </c>
      <c r="K17" s="10">
        <v>68</v>
      </c>
      <c r="L17" s="8">
        <v>1816</v>
      </c>
      <c r="M17" s="9">
        <v>1892</v>
      </c>
      <c r="N17" s="10">
        <v>3708</v>
      </c>
    </row>
    <row r="18" spans="1:14" ht="18" customHeight="1" x14ac:dyDescent="0.4">
      <c r="A18" s="2" t="s">
        <v>11</v>
      </c>
      <c r="B18" s="8">
        <v>637</v>
      </c>
      <c r="C18" s="9">
        <v>4</v>
      </c>
      <c r="D18" s="14">
        <v>1</v>
      </c>
      <c r="E18" s="10">
        <v>642</v>
      </c>
      <c r="F18" s="8">
        <v>619</v>
      </c>
      <c r="G18" s="9">
        <v>604</v>
      </c>
      <c r="H18" s="10">
        <v>1223</v>
      </c>
      <c r="I18" s="8">
        <v>5</v>
      </c>
      <c r="J18" s="9">
        <v>0</v>
      </c>
      <c r="K18" s="10">
        <v>5</v>
      </c>
      <c r="L18" s="8">
        <v>624</v>
      </c>
      <c r="M18" s="9">
        <v>604</v>
      </c>
      <c r="N18" s="10">
        <v>1228</v>
      </c>
    </row>
    <row r="19" spans="1:14" ht="18" customHeight="1" x14ac:dyDescent="0.4">
      <c r="A19" s="2" t="s">
        <v>12</v>
      </c>
      <c r="B19" s="8">
        <v>2255</v>
      </c>
      <c r="C19" s="9">
        <v>21</v>
      </c>
      <c r="D19" s="14">
        <v>18</v>
      </c>
      <c r="E19" s="10">
        <v>2294</v>
      </c>
      <c r="F19" s="8">
        <v>2179</v>
      </c>
      <c r="G19" s="9">
        <v>2383</v>
      </c>
      <c r="H19" s="10">
        <v>4562</v>
      </c>
      <c r="I19" s="8">
        <v>29</v>
      </c>
      <c r="J19" s="9">
        <v>17</v>
      </c>
      <c r="K19" s="10">
        <v>46</v>
      </c>
      <c r="L19" s="8">
        <v>2208</v>
      </c>
      <c r="M19" s="9">
        <v>2400</v>
      </c>
      <c r="N19" s="10">
        <v>4608</v>
      </c>
    </row>
    <row r="20" spans="1:14" ht="18" customHeight="1" x14ac:dyDescent="0.4">
      <c r="A20" s="2" t="s">
        <v>13</v>
      </c>
      <c r="B20" s="8">
        <v>1662</v>
      </c>
      <c r="C20" s="9">
        <v>12</v>
      </c>
      <c r="D20" s="14">
        <v>18</v>
      </c>
      <c r="E20" s="10">
        <v>1692</v>
      </c>
      <c r="F20" s="8">
        <v>1951</v>
      </c>
      <c r="G20" s="9">
        <v>2047</v>
      </c>
      <c r="H20" s="10">
        <v>3998</v>
      </c>
      <c r="I20" s="8">
        <v>28</v>
      </c>
      <c r="J20" s="9">
        <v>14</v>
      </c>
      <c r="K20" s="10">
        <v>42</v>
      </c>
      <c r="L20" s="8">
        <v>1979</v>
      </c>
      <c r="M20" s="9">
        <v>2061</v>
      </c>
      <c r="N20" s="10">
        <v>4040</v>
      </c>
    </row>
    <row r="21" spans="1:14" ht="18" customHeight="1" x14ac:dyDescent="0.4">
      <c r="A21" s="2" t="s">
        <v>14</v>
      </c>
      <c r="B21" s="8">
        <v>1136</v>
      </c>
      <c r="C21" s="9">
        <v>38</v>
      </c>
      <c r="D21" s="14">
        <v>12</v>
      </c>
      <c r="E21" s="10">
        <v>1186</v>
      </c>
      <c r="F21" s="8">
        <v>1091</v>
      </c>
      <c r="G21" s="9">
        <v>1242</v>
      </c>
      <c r="H21" s="10">
        <v>2333</v>
      </c>
      <c r="I21" s="8">
        <v>40</v>
      </c>
      <c r="J21" s="9">
        <v>23</v>
      </c>
      <c r="K21" s="10">
        <v>63</v>
      </c>
      <c r="L21" s="8">
        <v>1131</v>
      </c>
      <c r="M21" s="9">
        <v>1265</v>
      </c>
      <c r="N21" s="10">
        <v>2396</v>
      </c>
    </row>
    <row r="22" spans="1:14" ht="18" customHeight="1" x14ac:dyDescent="0.4">
      <c r="A22" s="2" t="s">
        <v>15</v>
      </c>
      <c r="B22" s="8">
        <v>1003</v>
      </c>
      <c r="C22" s="9">
        <v>13</v>
      </c>
      <c r="D22" s="14">
        <v>10</v>
      </c>
      <c r="E22" s="10">
        <v>1026</v>
      </c>
      <c r="F22" s="8">
        <v>995</v>
      </c>
      <c r="G22" s="9">
        <v>1056</v>
      </c>
      <c r="H22" s="10">
        <v>2051</v>
      </c>
      <c r="I22" s="8">
        <v>22</v>
      </c>
      <c r="J22" s="9">
        <v>11</v>
      </c>
      <c r="K22" s="10">
        <v>33</v>
      </c>
      <c r="L22" s="8">
        <v>1017</v>
      </c>
      <c r="M22" s="9">
        <v>1067</v>
      </c>
      <c r="N22" s="10">
        <v>2084</v>
      </c>
    </row>
    <row r="23" spans="1:14" ht="18" customHeight="1" x14ac:dyDescent="0.4">
      <c r="A23" s="2" t="s">
        <v>16</v>
      </c>
      <c r="B23" s="8">
        <v>2067</v>
      </c>
      <c r="C23" s="9">
        <v>13</v>
      </c>
      <c r="D23" s="14">
        <v>12</v>
      </c>
      <c r="E23" s="10">
        <v>2092</v>
      </c>
      <c r="F23" s="8">
        <v>2383</v>
      </c>
      <c r="G23" s="9">
        <v>2579</v>
      </c>
      <c r="H23" s="10">
        <v>4962</v>
      </c>
      <c r="I23" s="8">
        <v>19</v>
      </c>
      <c r="J23" s="9">
        <v>21</v>
      </c>
      <c r="K23" s="10">
        <v>40</v>
      </c>
      <c r="L23" s="8">
        <v>2402</v>
      </c>
      <c r="M23" s="9">
        <v>2600</v>
      </c>
      <c r="N23" s="10">
        <v>5002</v>
      </c>
    </row>
    <row r="24" spans="1:14" ht="18" customHeight="1" x14ac:dyDescent="0.4">
      <c r="A24" s="2" t="s">
        <v>17</v>
      </c>
      <c r="B24" s="8">
        <v>4937</v>
      </c>
      <c r="C24" s="9">
        <v>45</v>
      </c>
      <c r="D24" s="14">
        <v>36</v>
      </c>
      <c r="E24" s="10">
        <v>5018</v>
      </c>
      <c r="F24" s="8">
        <v>5854</v>
      </c>
      <c r="G24" s="9">
        <v>6348</v>
      </c>
      <c r="H24" s="10">
        <v>12202</v>
      </c>
      <c r="I24" s="8">
        <v>61</v>
      </c>
      <c r="J24" s="9">
        <v>43</v>
      </c>
      <c r="K24" s="10">
        <v>104</v>
      </c>
      <c r="L24" s="8">
        <v>5915</v>
      </c>
      <c r="M24" s="9">
        <v>6391</v>
      </c>
      <c r="N24" s="10">
        <v>12306</v>
      </c>
    </row>
    <row r="25" spans="1:14" ht="18" customHeight="1" x14ac:dyDescent="0.4">
      <c r="A25" s="2" t="s">
        <v>18</v>
      </c>
      <c r="B25" s="8">
        <v>2631</v>
      </c>
      <c r="C25" s="9">
        <v>28</v>
      </c>
      <c r="D25" s="14">
        <v>16</v>
      </c>
      <c r="E25" s="10">
        <v>2675</v>
      </c>
      <c r="F25" s="8">
        <v>3136</v>
      </c>
      <c r="G25" s="9">
        <v>3244</v>
      </c>
      <c r="H25" s="10">
        <v>6380</v>
      </c>
      <c r="I25" s="8">
        <v>32</v>
      </c>
      <c r="J25" s="9">
        <v>32</v>
      </c>
      <c r="K25" s="10">
        <v>64</v>
      </c>
      <c r="L25" s="8">
        <v>3168</v>
      </c>
      <c r="M25" s="9">
        <v>3276</v>
      </c>
      <c r="N25" s="10">
        <v>6444</v>
      </c>
    </row>
    <row r="26" spans="1:14" ht="18" customHeight="1" x14ac:dyDescent="0.4">
      <c r="A26" s="2" t="s">
        <v>19</v>
      </c>
      <c r="B26" s="8">
        <v>232</v>
      </c>
      <c r="C26" s="9">
        <v>1</v>
      </c>
      <c r="D26" s="14">
        <v>0</v>
      </c>
      <c r="E26" s="10">
        <v>233</v>
      </c>
      <c r="F26" s="8">
        <v>188</v>
      </c>
      <c r="G26" s="9">
        <v>185</v>
      </c>
      <c r="H26" s="10">
        <v>373</v>
      </c>
      <c r="I26" s="8">
        <v>2</v>
      </c>
      <c r="J26" s="9">
        <v>1</v>
      </c>
      <c r="K26" s="10">
        <v>3</v>
      </c>
      <c r="L26" s="8">
        <v>190</v>
      </c>
      <c r="M26" s="9">
        <v>186</v>
      </c>
      <c r="N26" s="10">
        <v>376</v>
      </c>
    </row>
    <row r="27" spans="1:14" ht="18" customHeight="1" x14ac:dyDescent="0.4">
      <c r="A27" s="2" t="s">
        <v>20</v>
      </c>
      <c r="B27" s="8">
        <v>1909</v>
      </c>
      <c r="C27" s="9">
        <v>16</v>
      </c>
      <c r="D27" s="14">
        <v>14</v>
      </c>
      <c r="E27" s="10">
        <v>1939</v>
      </c>
      <c r="F27" s="8">
        <v>2142</v>
      </c>
      <c r="G27" s="9">
        <v>2142</v>
      </c>
      <c r="H27" s="10">
        <v>4284</v>
      </c>
      <c r="I27" s="8">
        <v>14</v>
      </c>
      <c r="J27" s="9">
        <v>19</v>
      </c>
      <c r="K27" s="10">
        <v>33</v>
      </c>
      <c r="L27" s="8">
        <v>2156</v>
      </c>
      <c r="M27" s="9">
        <v>2161</v>
      </c>
      <c r="N27" s="10">
        <v>4317</v>
      </c>
    </row>
    <row r="28" spans="1:14" ht="18" customHeight="1" x14ac:dyDescent="0.4">
      <c r="A28" s="2" t="s">
        <v>21</v>
      </c>
      <c r="B28" s="8">
        <v>852</v>
      </c>
      <c r="C28" s="9">
        <v>12</v>
      </c>
      <c r="D28" s="14">
        <v>9</v>
      </c>
      <c r="E28" s="10">
        <v>873</v>
      </c>
      <c r="F28" s="8">
        <v>1037</v>
      </c>
      <c r="G28" s="9">
        <v>1076</v>
      </c>
      <c r="H28" s="10">
        <v>2113</v>
      </c>
      <c r="I28" s="8">
        <v>19</v>
      </c>
      <c r="J28" s="9">
        <v>12</v>
      </c>
      <c r="K28" s="10">
        <v>31</v>
      </c>
      <c r="L28" s="8">
        <v>1056</v>
      </c>
      <c r="M28" s="9">
        <v>1088</v>
      </c>
      <c r="N28" s="10">
        <v>2144</v>
      </c>
    </row>
    <row r="29" spans="1:14" ht="18" customHeight="1" x14ac:dyDescent="0.4">
      <c r="A29" s="2" t="s">
        <v>22</v>
      </c>
      <c r="B29" s="8">
        <v>2486</v>
      </c>
      <c r="C29" s="9">
        <v>42</v>
      </c>
      <c r="D29" s="14">
        <v>21</v>
      </c>
      <c r="E29" s="10">
        <v>2549</v>
      </c>
      <c r="F29" s="8">
        <v>2475</v>
      </c>
      <c r="G29" s="9">
        <v>2608</v>
      </c>
      <c r="H29" s="10">
        <v>5083</v>
      </c>
      <c r="I29" s="8">
        <v>45</v>
      </c>
      <c r="J29" s="9">
        <v>35</v>
      </c>
      <c r="K29" s="10">
        <v>80</v>
      </c>
      <c r="L29" s="8">
        <v>2520</v>
      </c>
      <c r="M29" s="9">
        <v>2643</v>
      </c>
      <c r="N29" s="10">
        <v>5163</v>
      </c>
    </row>
    <row r="30" spans="1:14" ht="18" customHeight="1" x14ac:dyDescent="0.4">
      <c r="A30" s="2" t="s">
        <v>23</v>
      </c>
      <c r="B30" s="8">
        <v>2421</v>
      </c>
      <c r="C30" s="9">
        <v>36</v>
      </c>
      <c r="D30" s="14">
        <v>9</v>
      </c>
      <c r="E30" s="10">
        <v>2466</v>
      </c>
      <c r="F30" s="8">
        <v>2795</v>
      </c>
      <c r="G30" s="9">
        <v>2975</v>
      </c>
      <c r="H30" s="10">
        <v>5770</v>
      </c>
      <c r="I30" s="8">
        <v>41</v>
      </c>
      <c r="J30" s="9">
        <v>8</v>
      </c>
      <c r="K30" s="10">
        <v>49</v>
      </c>
      <c r="L30" s="8">
        <v>2836</v>
      </c>
      <c r="M30" s="9">
        <v>2983</v>
      </c>
      <c r="N30" s="10">
        <v>5819</v>
      </c>
    </row>
    <row r="31" spans="1:14" ht="18" customHeight="1" x14ac:dyDescent="0.4">
      <c r="A31" s="2" t="s">
        <v>24</v>
      </c>
      <c r="B31" s="8">
        <v>1273</v>
      </c>
      <c r="C31" s="9">
        <v>10</v>
      </c>
      <c r="D31" s="14">
        <v>12</v>
      </c>
      <c r="E31" s="10">
        <v>1295</v>
      </c>
      <c r="F31" s="8">
        <v>1325</v>
      </c>
      <c r="G31" s="9">
        <v>1430</v>
      </c>
      <c r="H31" s="10">
        <v>2755</v>
      </c>
      <c r="I31" s="8">
        <v>15</v>
      </c>
      <c r="J31" s="9">
        <v>11</v>
      </c>
      <c r="K31" s="10">
        <v>26</v>
      </c>
      <c r="L31" s="8">
        <v>1340</v>
      </c>
      <c r="M31" s="9">
        <v>1441</v>
      </c>
      <c r="N31" s="10">
        <v>2781</v>
      </c>
    </row>
    <row r="32" spans="1:14" ht="18" customHeight="1" x14ac:dyDescent="0.4">
      <c r="A32" s="2" t="s">
        <v>25</v>
      </c>
      <c r="B32" s="8">
        <v>2666</v>
      </c>
      <c r="C32" s="9">
        <v>17</v>
      </c>
      <c r="D32" s="14">
        <v>15</v>
      </c>
      <c r="E32" s="10">
        <v>2698</v>
      </c>
      <c r="F32" s="8">
        <v>3241</v>
      </c>
      <c r="G32" s="9">
        <v>3240</v>
      </c>
      <c r="H32" s="10">
        <v>6481</v>
      </c>
      <c r="I32" s="8">
        <v>28</v>
      </c>
      <c r="J32" s="9">
        <v>20</v>
      </c>
      <c r="K32" s="10">
        <v>48</v>
      </c>
      <c r="L32" s="8">
        <v>3269</v>
      </c>
      <c r="M32" s="9">
        <v>3260</v>
      </c>
      <c r="N32" s="10">
        <v>6529</v>
      </c>
    </row>
    <row r="33" spans="1:14" ht="18" customHeight="1" x14ac:dyDescent="0.4">
      <c r="A33" s="2" t="s">
        <v>26</v>
      </c>
      <c r="B33" s="8">
        <v>3586</v>
      </c>
      <c r="C33" s="9">
        <v>40</v>
      </c>
      <c r="D33" s="14">
        <v>46</v>
      </c>
      <c r="E33" s="10">
        <v>3672</v>
      </c>
      <c r="F33" s="8">
        <v>3960</v>
      </c>
      <c r="G33" s="9">
        <v>4357</v>
      </c>
      <c r="H33" s="10">
        <v>8317</v>
      </c>
      <c r="I33" s="8">
        <v>78</v>
      </c>
      <c r="J33" s="9">
        <v>41</v>
      </c>
      <c r="K33" s="10">
        <v>119</v>
      </c>
      <c r="L33" s="8">
        <v>4038</v>
      </c>
      <c r="M33" s="9">
        <v>4398</v>
      </c>
      <c r="N33" s="10">
        <v>8436</v>
      </c>
    </row>
    <row r="34" spans="1:14" ht="18" customHeight="1" x14ac:dyDescent="0.4">
      <c r="A34" s="2" t="s">
        <v>27</v>
      </c>
      <c r="B34" s="8">
        <v>2080</v>
      </c>
      <c r="C34" s="9">
        <v>21</v>
      </c>
      <c r="D34" s="14">
        <v>14</v>
      </c>
      <c r="E34" s="10">
        <v>2115</v>
      </c>
      <c r="F34" s="8">
        <v>2239</v>
      </c>
      <c r="G34" s="9">
        <v>2258</v>
      </c>
      <c r="H34" s="10">
        <v>4497</v>
      </c>
      <c r="I34" s="8">
        <v>25</v>
      </c>
      <c r="J34" s="9">
        <v>22</v>
      </c>
      <c r="K34" s="10">
        <v>47</v>
      </c>
      <c r="L34" s="8">
        <v>2264</v>
      </c>
      <c r="M34" s="9">
        <v>2280</v>
      </c>
      <c r="N34" s="10">
        <v>4544</v>
      </c>
    </row>
    <row r="35" spans="1:14" ht="18" customHeight="1" x14ac:dyDescent="0.4">
      <c r="A35" s="2" t="s">
        <v>28</v>
      </c>
      <c r="B35" s="8">
        <v>431</v>
      </c>
      <c r="C35" s="9">
        <v>4</v>
      </c>
      <c r="D35" s="14">
        <v>5</v>
      </c>
      <c r="E35" s="10">
        <v>440</v>
      </c>
      <c r="F35" s="8">
        <v>522</v>
      </c>
      <c r="G35" s="9">
        <v>557</v>
      </c>
      <c r="H35" s="10">
        <v>1079</v>
      </c>
      <c r="I35" s="8">
        <v>8</v>
      </c>
      <c r="J35" s="9">
        <v>1</v>
      </c>
      <c r="K35" s="10">
        <v>9</v>
      </c>
      <c r="L35" s="8">
        <v>530</v>
      </c>
      <c r="M35" s="9">
        <v>558</v>
      </c>
      <c r="N35" s="10">
        <v>1088</v>
      </c>
    </row>
    <row r="36" spans="1:14" ht="18" customHeight="1" x14ac:dyDescent="0.4">
      <c r="A36" s="2" t="s">
        <v>29</v>
      </c>
      <c r="B36" s="8">
        <v>3093</v>
      </c>
      <c r="C36" s="9">
        <v>62</v>
      </c>
      <c r="D36" s="14">
        <v>42</v>
      </c>
      <c r="E36" s="10">
        <v>3197</v>
      </c>
      <c r="F36" s="8">
        <v>3358</v>
      </c>
      <c r="G36" s="9">
        <v>3635</v>
      </c>
      <c r="H36" s="10">
        <v>6993</v>
      </c>
      <c r="I36" s="8">
        <v>88</v>
      </c>
      <c r="J36" s="9">
        <v>45</v>
      </c>
      <c r="K36" s="10">
        <v>133</v>
      </c>
      <c r="L36" s="8">
        <v>3446</v>
      </c>
      <c r="M36" s="9">
        <v>3680</v>
      </c>
      <c r="N36" s="10">
        <v>7126</v>
      </c>
    </row>
    <row r="37" spans="1:14" ht="18" customHeight="1" x14ac:dyDescent="0.4">
      <c r="A37" s="2" t="s">
        <v>30</v>
      </c>
      <c r="B37" s="8">
        <v>1811</v>
      </c>
      <c r="C37" s="9">
        <v>33</v>
      </c>
      <c r="D37" s="14">
        <v>20</v>
      </c>
      <c r="E37" s="10">
        <v>1864</v>
      </c>
      <c r="F37" s="8">
        <v>1859</v>
      </c>
      <c r="G37" s="9">
        <v>2195</v>
      </c>
      <c r="H37" s="10">
        <v>4054</v>
      </c>
      <c r="I37" s="8">
        <v>52</v>
      </c>
      <c r="J37" s="9">
        <v>19</v>
      </c>
      <c r="K37" s="10">
        <v>71</v>
      </c>
      <c r="L37" s="8">
        <v>1911</v>
      </c>
      <c r="M37" s="9">
        <v>2214</v>
      </c>
      <c r="N37" s="10">
        <v>4125</v>
      </c>
    </row>
    <row r="38" spans="1:14" ht="18" customHeight="1" x14ac:dyDescent="0.4">
      <c r="A38" s="2" t="s">
        <v>31</v>
      </c>
      <c r="B38" s="8">
        <v>3893</v>
      </c>
      <c r="C38" s="9">
        <v>57</v>
      </c>
      <c r="D38" s="14">
        <v>37</v>
      </c>
      <c r="E38" s="10">
        <v>3987</v>
      </c>
      <c r="F38" s="8">
        <v>4455</v>
      </c>
      <c r="G38" s="9">
        <v>4604</v>
      </c>
      <c r="H38" s="10">
        <v>9059</v>
      </c>
      <c r="I38" s="8">
        <v>74</v>
      </c>
      <c r="J38" s="9">
        <v>40</v>
      </c>
      <c r="K38" s="10">
        <v>114</v>
      </c>
      <c r="L38" s="8">
        <v>4529</v>
      </c>
      <c r="M38" s="9">
        <v>4644</v>
      </c>
      <c r="N38" s="10">
        <v>9173</v>
      </c>
    </row>
    <row r="39" spans="1:14" ht="18" customHeight="1" x14ac:dyDescent="0.4">
      <c r="A39" s="2" t="s">
        <v>32</v>
      </c>
      <c r="B39" s="8">
        <v>1466</v>
      </c>
      <c r="C39" s="9">
        <v>3</v>
      </c>
      <c r="D39" s="14">
        <v>14</v>
      </c>
      <c r="E39" s="10">
        <v>1483</v>
      </c>
      <c r="F39" s="8">
        <v>1728</v>
      </c>
      <c r="G39" s="9">
        <v>1930</v>
      </c>
      <c r="H39" s="10">
        <v>3658</v>
      </c>
      <c r="I39" s="8">
        <v>12</v>
      </c>
      <c r="J39" s="9">
        <v>7</v>
      </c>
      <c r="K39" s="10">
        <v>19</v>
      </c>
      <c r="L39" s="8">
        <v>1740</v>
      </c>
      <c r="M39" s="9">
        <v>1937</v>
      </c>
      <c r="N39" s="10">
        <v>3677</v>
      </c>
    </row>
    <row r="40" spans="1:14" ht="18" customHeight="1" x14ac:dyDescent="0.4">
      <c r="A40" s="2" t="s">
        <v>33</v>
      </c>
      <c r="B40" s="8">
        <v>429</v>
      </c>
      <c r="C40" s="9">
        <v>2</v>
      </c>
      <c r="D40" s="14">
        <v>7</v>
      </c>
      <c r="E40" s="10">
        <v>438</v>
      </c>
      <c r="F40" s="8">
        <v>474</v>
      </c>
      <c r="G40" s="9">
        <v>500</v>
      </c>
      <c r="H40" s="10">
        <v>974</v>
      </c>
      <c r="I40" s="8">
        <v>6</v>
      </c>
      <c r="J40" s="9">
        <v>5</v>
      </c>
      <c r="K40" s="10">
        <v>11</v>
      </c>
      <c r="L40" s="8">
        <v>480</v>
      </c>
      <c r="M40" s="9">
        <v>505</v>
      </c>
      <c r="N40" s="10">
        <v>985</v>
      </c>
    </row>
    <row r="41" spans="1:14" ht="18" customHeight="1" x14ac:dyDescent="0.4">
      <c r="A41" s="2" t="s">
        <v>34</v>
      </c>
      <c r="B41" s="8">
        <v>1126</v>
      </c>
      <c r="C41" s="9">
        <v>6</v>
      </c>
      <c r="D41" s="14">
        <v>7</v>
      </c>
      <c r="E41" s="10">
        <v>1139</v>
      </c>
      <c r="F41" s="8">
        <v>1183</v>
      </c>
      <c r="G41" s="9">
        <v>1236</v>
      </c>
      <c r="H41" s="10">
        <v>2419</v>
      </c>
      <c r="I41" s="8">
        <v>9</v>
      </c>
      <c r="J41" s="9">
        <v>7</v>
      </c>
      <c r="K41" s="10">
        <v>16</v>
      </c>
      <c r="L41" s="8">
        <v>1192</v>
      </c>
      <c r="M41" s="9">
        <v>1243</v>
      </c>
      <c r="N41" s="10">
        <v>2435</v>
      </c>
    </row>
    <row r="42" spans="1:14" ht="18" customHeight="1" x14ac:dyDescent="0.4">
      <c r="A42" s="2" t="s">
        <v>35</v>
      </c>
      <c r="B42" s="8">
        <v>1060</v>
      </c>
      <c r="C42" s="9">
        <v>1</v>
      </c>
      <c r="D42" s="14">
        <v>5</v>
      </c>
      <c r="E42" s="10">
        <v>1066</v>
      </c>
      <c r="F42" s="8">
        <v>1187</v>
      </c>
      <c r="G42" s="9">
        <v>1337</v>
      </c>
      <c r="H42" s="10">
        <v>2524</v>
      </c>
      <c r="I42" s="8">
        <v>6</v>
      </c>
      <c r="J42" s="9">
        <v>0</v>
      </c>
      <c r="K42" s="10">
        <v>6</v>
      </c>
      <c r="L42" s="8">
        <v>1193</v>
      </c>
      <c r="M42" s="9">
        <v>1337</v>
      </c>
      <c r="N42" s="10">
        <v>2530</v>
      </c>
    </row>
    <row r="43" spans="1:14" ht="18" customHeight="1" x14ac:dyDescent="0.4">
      <c r="A43" s="2" t="s">
        <v>36</v>
      </c>
      <c r="B43" s="8">
        <v>1141</v>
      </c>
      <c r="C43" s="9">
        <v>19</v>
      </c>
      <c r="D43" s="14">
        <v>9</v>
      </c>
      <c r="E43" s="10">
        <v>1169</v>
      </c>
      <c r="F43" s="8">
        <v>1326</v>
      </c>
      <c r="G43" s="9">
        <v>1329</v>
      </c>
      <c r="H43" s="10">
        <v>2655</v>
      </c>
      <c r="I43" s="8">
        <v>18</v>
      </c>
      <c r="J43" s="9">
        <v>19</v>
      </c>
      <c r="K43" s="10">
        <v>37</v>
      </c>
      <c r="L43" s="8">
        <v>1344</v>
      </c>
      <c r="M43" s="9">
        <v>1348</v>
      </c>
      <c r="N43" s="10">
        <v>2692</v>
      </c>
    </row>
    <row r="44" spans="1:14" ht="18" customHeight="1" x14ac:dyDescent="0.4">
      <c r="A44" s="2" t="s">
        <v>37</v>
      </c>
      <c r="B44" s="8">
        <v>149</v>
      </c>
      <c r="C44" s="9">
        <v>2</v>
      </c>
      <c r="D44" s="14">
        <v>1</v>
      </c>
      <c r="E44" s="10">
        <v>152</v>
      </c>
      <c r="F44" s="8">
        <v>100</v>
      </c>
      <c r="G44" s="9">
        <v>172</v>
      </c>
      <c r="H44" s="10">
        <v>272</v>
      </c>
      <c r="I44" s="8">
        <v>2</v>
      </c>
      <c r="J44" s="9">
        <v>3</v>
      </c>
      <c r="K44" s="10">
        <v>5</v>
      </c>
      <c r="L44" s="8">
        <v>102</v>
      </c>
      <c r="M44" s="9">
        <v>175</v>
      </c>
      <c r="N44" s="10">
        <v>277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3943</v>
      </c>
      <c r="C52" s="9">
        <v>770</v>
      </c>
      <c r="D52" s="14">
        <v>538</v>
      </c>
      <c r="E52" s="10">
        <v>65251</v>
      </c>
      <c r="F52" s="8">
        <v>68545</v>
      </c>
      <c r="G52" s="9">
        <v>72912</v>
      </c>
      <c r="H52" s="10">
        <v>141457</v>
      </c>
      <c r="I52" s="8">
        <v>1032</v>
      </c>
      <c r="J52" s="9">
        <v>680</v>
      </c>
      <c r="K52" s="10">
        <v>1712</v>
      </c>
      <c r="L52" s="8">
        <v>69577</v>
      </c>
      <c r="M52" s="9">
        <v>73592</v>
      </c>
      <c r="N52" s="10">
        <v>143169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2-03-03T02:50:02Z</dcterms:modified>
</cp:coreProperties>
</file>